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élément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top niveau,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avec </a:t>
            </a:r>
            <a:r>
              <a:rPr dirty="0" err="1" lang="en-US" noProof="0" sz="1200"/>
              <a:t>Trainingland</a:t>
            </a:r>
            <a:r>
              <a:rPr dirty="0" lang="en-US" noProof="0" sz="1200"/>
              <a:t>sélectionné, qui correspond au niveau pays dans notre hiérarchie, nous verrons toutes les données saisies pour </a:t>
            </a:r>
            <a:r>
              <a:rPr dirty="0" err="1" lang="en-US" noProof="0" sz="1200"/>
              <a:t>Trainingland</a:t>
            </a:r>
            <a:r>
              <a:rPr dirty="0" lang="en-US" noProof="0" sz="1200"/>
              <a:t>.</a:t>
            </a:r>
          </a:p>
          <a:p>
            <a:endParaRPr dirty="0" lang="en-US" noProof="0" sz="1200"/>
          </a:p>
          <a:p txid="c66866564e4b8a394c3697d99757bf1a">
            <a:r>
              <a:rPr dirty="0" lang="en-US" noProof="0" sz="1200"/>
              <a:t>La hiérarchie de l'unité d'organisation prend en charge les sélections multiples. Il suffit de développe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 à un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qui ont un point vert à côté sont associées aux items de données sélectionnés dans la visualisation. Cela signifie que l'item de données sélectionné est sûr d'être compatible avec ces dimensions de données.</a:t>
            </a:r>
          </a:p>
          <a:p>
            <a:endParaRPr dirty="0" lang="en-US" noProof="0" sz="1200"/>
          </a:p>
          <a:p txid="bf343ea633f1fa52de8e5773cfd95635">
            <a:r>
              <a:rPr dirty="0" lang="en-US" noProof="0" sz="1200"/>
              <a:t>Vous apprendrez plus sur la sélection des dimensions de données, y compris les désagrégations, plus tard dans ce cours.</a:t>
            </a:r>
            <a:r>
              <a:rPr dirty="0" err="1" lang="en-US" noProof="0" sz="1200"/>
            </a:r>
            <a:r>
              <a:rPr dirty="0" lang="en-US" noProof="0" sz="1200"/>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Introduction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